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chartsheets/sheet1.xml" ContentType="application/vnd.openxmlformats-officedocument.spreadsheetml.chart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drawings/drawing1.xml" ContentType="application/vnd.openxmlformats-officedocument.drawing+xml"/>
  <Override PartName="/xl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332"/>
  <workbookPr defaultThemeVersion="166925"/>
  <mc:AlternateContent xmlns:mc="http://schemas.openxmlformats.org/markup-compatibility/2006">
    <mc:Choice Requires="x15">
      <x15ac:absPath xmlns:x15ac="http://schemas.microsoft.com/office/spreadsheetml/2010/11/ac" url="\\toyama-city.local\01企画管理部\0108企画調整\s1\　企画調整課フォルダ\04統計調査\04　県等委託統計\06　人口調査\人口の推移\R4\HP\"/>
    </mc:Choice>
  </mc:AlternateContent>
  <xr:revisionPtr revIDLastSave="0" documentId="8_{D4235629-8FA1-457E-8F6E-6DA2784ED0B0}" xr6:coauthVersionLast="47" xr6:coauthVersionMax="47" xr10:uidLastSave="{00000000-0000-0000-0000-000000000000}"/>
  <bookViews>
    <workbookView xWindow="-108" yWindow="-108" windowWidth="23256" windowHeight="12576" xr2:uid="{A9D4681D-6A15-4B0E-B5E3-2F55870288CE}"/>
  </bookViews>
  <sheets>
    <sheet name="３．（１）大沢野～細入地域人口グラフ" sheetId="1" r:id="rId1"/>
  </sheets>
  <externalReferences>
    <externalReference r:id="rId2"/>
  </externalReference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fonts count="1" x14ac:knownFonts="1">
    <font>
      <sz val="11"/>
      <color theme="1"/>
      <name val="游ゴシック"/>
      <family val="2"/>
      <charset val="128"/>
      <scheme val="minor"/>
    </font>
  </fonts>
  <fills count="2">
    <fill>
      <patternFill patternType="none"/>
    </fill>
    <fill>
      <patternFill patternType="gray125"/>
    </fill>
  </fills>
  <borders count="1">
    <border>
      <left/>
      <right/>
      <top/>
      <bottom/>
      <diagonal/>
    </border>
  </borders>
  <cellStyleXfs count="1">
    <xf numFmtId="0" fontId="0" fillId="0" borderId="0">
      <alignment vertical="center"/>
    </xf>
  </cellStyleXfs>
  <cellXfs count="1">
    <xf numFmtId="0" fontId="0" fillId="0" borderId="0" xfId="0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chartsheet" Target="chartsheets/sheet1.xml"/><Relationship Id="rId4" Type="http://schemas.openxmlformats.org/officeDocument/2006/relationships/styles" Target="styles.xml"/></Relationships>
</file>

<file path=xl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r>
              <a:rPr lang="ja-JP" altLang="en-US" sz="1400" b="1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大沢野、大山、八尾、婦中、山田、細入地域地区別人口推移</a:t>
            </a:r>
            <a:r>
              <a:rPr lang="ja-JP" altLang="en-US"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</a:rPr>
              <a:t>（住民基本台帳、各年９月末）</a:t>
            </a:r>
          </a:p>
        </c:rich>
      </c:tx>
      <c:layout>
        <c:manualLayout>
          <c:xMode val="edge"/>
          <c:yMode val="edge"/>
          <c:x val="0.15686274509803921"/>
          <c:y val="2.0338983050847456E-2"/>
        </c:manualLayout>
      </c:layout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8.5655314757481935E-2"/>
          <c:y val="0.15762711864406781"/>
          <c:w val="0.90299277605779149"/>
          <c:h val="0.71186440677966101"/>
        </c:manualLayout>
      </c:layout>
      <c:barChart>
        <c:barDir val="col"/>
        <c:grouping val="clustered"/>
        <c:varyColors val="0"/>
        <c:ser>
          <c:idx val="5"/>
          <c:order val="0"/>
          <c:tx>
            <c:strRef>
              <c:f>'[1]地区別人口・世帯集計表 (集計用)'!$E$2</c:f>
              <c:strCache>
                <c:ptCount val="1"/>
                <c:pt idx="0">
                  <c:v>R03人口</c:v>
                </c:pt>
              </c:strCache>
            </c:strRef>
          </c:tx>
          <c:spPr>
            <a:solidFill>
              <a:srgbClr val="FF9900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53:$A$84</c:f>
              <c:strCache>
                <c:ptCount val="32"/>
                <c:pt idx="0">
                  <c:v>下タ</c:v>
                </c:pt>
                <c:pt idx="1">
                  <c:v>小羽</c:v>
                </c:pt>
                <c:pt idx="2">
                  <c:v>船峅</c:v>
                </c:pt>
                <c:pt idx="3">
                  <c:v>大沢野</c:v>
                </c:pt>
                <c:pt idx="4">
                  <c:v>大久保</c:v>
                </c:pt>
                <c:pt idx="5">
                  <c:v>上滝</c:v>
                </c:pt>
                <c:pt idx="6">
                  <c:v>大山</c:v>
                </c:pt>
                <c:pt idx="7">
                  <c:v>大庄</c:v>
                </c:pt>
                <c:pt idx="8">
                  <c:v>福沢</c:v>
                </c:pt>
                <c:pt idx="9">
                  <c:v>八尾</c:v>
                </c:pt>
                <c:pt idx="10">
                  <c:v>保内</c:v>
                </c:pt>
                <c:pt idx="11">
                  <c:v>杉原</c:v>
                </c:pt>
                <c:pt idx="12">
                  <c:v>卯花</c:v>
                </c:pt>
                <c:pt idx="13">
                  <c:v>室牧</c:v>
                </c:pt>
                <c:pt idx="14">
                  <c:v>黒瀬谷</c:v>
                </c:pt>
                <c:pt idx="15">
                  <c:v>野積</c:v>
                </c:pt>
                <c:pt idx="16">
                  <c:v>仁歩</c:v>
                </c:pt>
                <c:pt idx="17">
                  <c:v>大長谷</c:v>
                </c:pt>
                <c:pt idx="18">
                  <c:v>速星</c:v>
                </c:pt>
                <c:pt idx="19">
                  <c:v>鵜坂</c:v>
                </c:pt>
                <c:pt idx="20">
                  <c:v>朝日</c:v>
                </c:pt>
                <c:pt idx="21">
                  <c:v>宮川</c:v>
                </c:pt>
                <c:pt idx="22">
                  <c:v>婦中熊野</c:v>
                </c:pt>
                <c:pt idx="23">
                  <c:v>古里</c:v>
                </c:pt>
                <c:pt idx="24">
                  <c:v>音川</c:v>
                </c:pt>
                <c:pt idx="25">
                  <c:v>神保</c:v>
                </c:pt>
                <c:pt idx="26">
                  <c:v>山田南部</c:v>
                </c:pt>
                <c:pt idx="27">
                  <c:v>山田中部</c:v>
                </c:pt>
                <c:pt idx="28">
                  <c:v>山田西部</c:v>
                </c:pt>
                <c:pt idx="29">
                  <c:v>山田東部</c:v>
                </c:pt>
                <c:pt idx="30">
                  <c:v>細入北部</c:v>
                </c:pt>
                <c:pt idx="31">
                  <c:v>細入南部</c:v>
                </c:pt>
              </c:strCache>
            </c:strRef>
          </c:cat>
          <c:val>
            <c:numRef>
              <c:f>'[1]地区別人口・世帯集計表 (集計用)'!$E$53:$E$84</c:f>
              <c:numCache>
                <c:formatCode>#,##0_);[Red]\(#,##0\)</c:formatCode>
                <c:ptCount val="32"/>
                <c:pt idx="0">
                  <c:v>309</c:v>
                </c:pt>
                <c:pt idx="1">
                  <c:v>262</c:v>
                </c:pt>
                <c:pt idx="2">
                  <c:v>2023</c:v>
                </c:pt>
                <c:pt idx="3">
                  <c:v>11224</c:v>
                </c:pt>
                <c:pt idx="4">
                  <c:v>7711</c:v>
                </c:pt>
                <c:pt idx="5">
                  <c:v>2655</c:v>
                </c:pt>
                <c:pt idx="6">
                  <c:v>824</c:v>
                </c:pt>
                <c:pt idx="7">
                  <c:v>4917</c:v>
                </c:pt>
                <c:pt idx="8">
                  <c:v>844</c:v>
                </c:pt>
                <c:pt idx="9">
                  <c:v>2005</c:v>
                </c:pt>
                <c:pt idx="10">
                  <c:v>6949</c:v>
                </c:pt>
                <c:pt idx="11">
                  <c:v>6822</c:v>
                </c:pt>
                <c:pt idx="12">
                  <c:v>779</c:v>
                </c:pt>
                <c:pt idx="13">
                  <c:v>388</c:v>
                </c:pt>
                <c:pt idx="14">
                  <c:v>1163</c:v>
                </c:pt>
                <c:pt idx="15">
                  <c:v>688</c:v>
                </c:pt>
                <c:pt idx="16">
                  <c:v>146</c:v>
                </c:pt>
                <c:pt idx="17">
                  <c:v>50</c:v>
                </c:pt>
                <c:pt idx="18">
                  <c:v>12006</c:v>
                </c:pt>
                <c:pt idx="19">
                  <c:v>11911</c:v>
                </c:pt>
                <c:pt idx="20">
                  <c:v>1420</c:v>
                </c:pt>
                <c:pt idx="21">
                  <c:v>2249</c:v>
                </c:pt>
                <c:pt idx="22">
                  <c:v>3623</c:v>
                </c:pt>
                <c:pt idx="23">
                  <c:v>3831</c:v>
                </c:pt>
                <c:pt idx="24">
                  <c:v>1316</c:v>
                </c:pt>
                <c:pt idx="25">
                  <c:v>4840</c:v>
                </c:pt>
                <c:pt idx="26">
                  <c:v>11</c:v>
                </c:pt>
                <c:pt idx="27">
                  <c:v>894</c:v>
                </c:pt>
                <c:pt idx="28">
                  <c:v>165</c:v>
                </c:pt>
                <c:pt idx="29">
                  <c:v>276</c:v>
                </c:pt>
                <c:pt idx="30">
                  <c:v>948</c:v>
                </c:pt>
                <c:pt idx="31">
                  <c:v>26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D2E-48DB-9357-ECB71C9429B2}"/>
            </c:ext>
          </c:extLst>
        </c:ser>
        <c:ser>
          <c:idx val="1"/>
          <c:order val="1"/>
          <c:tx>
            <c:strRef>
              <c:f>'[1]地区別人口・世帯集計表 (集計用)'!$C$2</c:f>
              <c:strCache>
                <c:ptCount val="1"/>
                <c:pt idx="0">
                  <c:v>R04人口</c:v>
                </c:pt>
              </c:strCache>
            </c:strRef>
          </c:tx>
          <c:spPr>
            <a:solidFill>
              <a:srgbClr val="0000FF"/>
            </a:solidFill>
            <a:ln w="12700">
              <a:solidFill>
                <a:srgbClr val="000000"/>
              </a:solidFill>
              <a:prstDash val="solid"/>
            </a:ln>
          </c:spPr>
          <c:invertIfNegative val="0"/>
          <c:cat>
            <c:strRef>
              <c:f>'[1]地区別人口・世帯集計表 (集計用)'!$A$53:$A$84</c:f>
              <c:strCache>
                <c:ptCount val="32"/>
                <c:pt idx="0">
                  <c:v>下タ</c:v>
                </c:pt>
                <c:pt idx="1">
                  <c:v>小羽</c:v>
                </c:pt>
                <c:pt idx="2">
                  <c:v>船峅</c:v>
                </c:pt>
                <c:pt idx="3">
                  <c:v>大沢野</c:v>
                </c:pt>
                <c:pt idx="4">
                  <c:v>大久保</c:v>
                </c:pt>
                <c:pt idx="5">
                  <c:v>上滝</c:v>
                </c:pt>
                <c:pt idx="6">
                  <c:v>大山</c:v>
                </c:pt>
                <c:pt idx="7">
                  <c:v>大庄</c:v>
                </c:pt>
                <c:pt idx="8">
                  <c:v>福沢</c:v>
                </c:pt>
                <c:pt idx="9">
                  <c:v>八尾</c:v>
                </c:pt>
                <c:pt idx="10">
                  <c:v>保内</c:v>
                </c:pt>
                <c:pt idx="11">
                  <c:v>杉原</c:v>
                </c:pt>
                <c:pt idx="12">
                  <c:v>卯花</c:v>
                </c:pt>
                <c:pt idx="13">
                  <c:v>室牧</c:v>
                </c:pt>
                <c:pt idx="14">
                  <c:v>黒瀬谷</c:v>
                </c:pt>
                <c:pt idx="15">
                  <c:v>野積</c:v>
                </c:pt>
                <c:pt idx="16">
                  <c:v>仁歩</c:v>
                </c:pt>
                <c:pt idx="17">
                  <c:v>大長谷</c:v>
                </c:pt>
                <c:pt idx="18">
                  <c:v>速星</c:v>
                </c:pt>
                <c:pt idx="19">
                  <c:v>鵜坂</c:v>
                </c:pt>
                <c:pt idx="20">
                  <c:v>朝日</c:v>
                </c:pt>
                <c:pt idx="21">
                  <c:v>宮川</c:v>
                </c:pt>
                <c:pt idx="22">
                  <c:v>婦中熊野</c:v>
                </c:pt>
                <c:pt idx="23">
                  <c:v>古里</c:v>
                </c:pt>
                <c:pt idx="24">
                  <c:v>音川</c:v>
                </c:pt>
                <c:pt idx="25">
                  <c:v>神保</c:v>
                </c:pt>
                <c:pt idx="26">
                  <c:v>山田南部</c:v>
                </c:pt>
                <c:pt idx="27">
                  <c:v>山田中部</c:v>
                </c:pt>
                <c:pt idx="28">
                  <c:v>山田西部</c:v>
                </c:pt>
                <c:pt idx="29">
                  <c:v>山田東部</c:v>
                </c:pt>
                <c:pt idx="30">
                  <c:v>細入北部</c:v>
                </c:pt>
                <c:pt idx="31">
                  <c:v>細入南部</c:v>
                </c:pt>
              </c:strCache>
            </c:strRef>
          </c:cat>
          <c:val>
            <c:numRef>
              <c:f>'[1]地区別人口・世帯集計表 (集計用)'!$C$53:$C$84</c:f>
              <c:numCache>
                <c:formatCode>#,##0_);[Red]\(#,##0\)</c:formatCode>
                <c:ptCount val="32"/>
                <c:pt idx="0">
                  <c:v>299</c:v>
                </c:pt>
                <c:pt idx="1">
                  <c:v>248</c:v>
                </c:pt>
                <c:pt idx="2">
                  <c:v>1984</c:v>
                </c:pt>
                <c:pt idx="3">
                  <c:v>11102</c:v>
                </c:pt>
                <c:pt idx="4">
                  <c:v>7720</c:v>
                </c:pt>
                <c:pt idx="5">
                  <c:v>2570</c:v>
                </c:pt>
                <c:pt idx="6">
                  <c:v>804</c:v>
                </c:pt>
                <c:pt idx="7">
                  <c:v>4854</c:v>
                </c:pt>
                <c:pt idx="8">
                  <c:v>820</c:v>
                </c:pt>
                <c:pt idx="9">
                  <c:v>1946</c:v>
                </c:pt>
                <c:pt idx="10">
                  <c:v>6887</c:v>
                </c:pt>
                <c:pt idx="11">
                  <c:v>6680</c:v>
                </c:pt>
                <c:pt idx="12">
                  <c:v>759</c:v>
                </c:pt>
                <c:pt idx="13">
                  <c:v>373</c:v>
                </c:pt>
                <c:pt idx="14">
                  <c:v>1128</c:v>
                </c:pt>
                <c:pt idx="15">
                  <c:v>659</c:v>
                </c:pt>
                <c:pt idx="16">
                  <c:v>138</c:v>
                </c:pt>
                <c:pt idx="17">
                  <c:v>48</c:v>
                </c:pt>
                <c:pt idx="18">
                  <c:v>11982</c:v>
                </c:pt>
                <c:pt idx="19">
                  <c:v>11872</c:v>
                </c:pt>
                <c:pt idx="20">
                  <c:v>1415</c:v>
                </c:pt>
                <c:pt idx="21">
                  <c:v>2243</c:v>
                </c:pt>
                <c:pt idx="22">
                  <c:v>3657</c:v>
                </c:pt>
                <c:pt idx="23">
                  <c:v>3802</c:v>
                </c:pt>
                <c:pt idx="24">
                  <c:v>1279</c:v>
                </c:pt>
                <c:pt idx="25">
                  <c:v>4881</c:v>
                </c:pt>
                <c:pt idx="26">
                  <c:v>10</c:v>
                </c:pt>
                <c:pt idx="27">
                  <c:v>853</c:v>
                </c:pt>
                <c:pt idx="28">
                  <c:v>160</c:v>
                </c:pt>
                <c:pt idx="29">
                  <c:v>267</c:v>
                </c:pt>
                <c:pt idx="30">
                  <c:v>924</c:v>
                </c:pt>
                <c:pt idx="31">
                  <c:v>25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D2E-48DB-9357-ECB71C9429B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471203144"/>
        <c:axId val="471200400"/>
      </c:barChart>
      <c:catAx>
        <c:axId val="471203144"/>
        <c:scaling>
          <c:orientation val="minMax"/>
        </c:scaling>
        <c:delete val="0"/>
        <c:axPos val="b"/>
        <c:numFmt formatCode="General" sourceLinked="1"/>
        <c:majorTickMark val="in"/>
        <c:minorTickMark val="none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wordArtVertRtl"/>
          <a:lstStyle/>
          <a:p>
            <a:pPr>
              <a:defRPr sz="8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0400"/>
        <c:crossesAt val="0"/>
        <c:auto val="1"/>
        <c:lblAlgn val="ctr"/>
        <c:lblOffset val="100"/>
        <c:tickLblSkip val="1"/>
        <c:tickMarkSkip val="1"/>
        <c:noMultiLvlLbl val="0"/>
      </c:catAx>
      <c:valAx>
        <c:axId val="471200400"/>
        <c:scaling>
          <c:orientation val="minMax"/>
          <c:max val="13000"/>
          <c:min val="0"/>
        </c:scaling>
        <c:delete val="0"/>
        <c:axPos val="l"/>
        <c:majorGridlines>
          <c:spPr>
            <a:ln w="3175">
              <a:solidFill>
                <a:srgbClr val="000000"/>
              </a:solidFill>
              <a:prstDash val="sysDash"/>
            </a:ln>
          </c:spPr>
        </c:majorGridlines>
        <c:title>
          <c:tx>
            <c:rich>
              <a:bodyPr rot="0" vert="horz"/>
              <a:lstStyle/>
              <a:p>
                <a:pPr algn="ctr">
                  <a:defRPr sz="1100" b="0" i="0" u="none" strike="noStrike" baseline="0">
                    <a:solidFill>
                      <a:srgbClr val="000000"/>
                    </a:solidFill>
                    <a:latin typeface="ＭＳ Ｐゴシック"/>
                    <a:ea typeface="ＭＳ Ｐゴシック"/>
                    <a:cs typeface="ＭＳ Ｐゴシック"/>
                  </a:defRPr>
                </a:pPr>
                <a:r>
                  <a:rPr lang="ja-JP" altLang="en-US"/>
                  <a:t>人</a:t>
                </a:r>
              </a:p>
            </c:rich>
          </c:tx>
          <c:layout>
            <c:manualLayout>
              <c:xMode val="edge"/>
              <c:yMode val="edge"/>
              <c:x val="2.304781561747506E-2"/>
              <c:y val="0.1192090395480226"/>
            </c:manualLayout>
          </c:layout>
          <c:overlay val="0"/>
          <c:spPr>
            <a:noFill/>
            <a:ln w="25400">
              <a:noFill/>
            </a:ln>
          </c:spPr>
        </c:title>
        <c:numFmt formatCode="#,##0_);[Red]\(#,##0\)" sourceLinked="1"/>
        <c:majorTickMark val="in"/>
        <c:minorTickMark val="in"/>
        <c:tickLblPos val="nextTo"/>
        <c:spPr>
          <a:ln w="3175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900" b="0" i="0" u="none" strike="noStrike" baseline="0">
                <a:solidFill>
                  <a:srgbClr val="000000"/>
                </a:solidFill>
                <a:latin typeface="ＭＳ Ｐゴシック"/>
                <a:ea typeface="ＭＳ Ｐゴシック"/>
                <a:cs typeface="ＭＳ Ｐゴシック"/>
              </a:defRPr>
            </a:pPr>
            <a:endParaRPr lang="ja-JP"/>
          </a:p>
        </c:txPr>
        <c:crossAx val="471203144"/>
        <c:crosses val="autoZero"/>
        <c:crossBetween val="between"/>
        <c:majorUnit val="2000"/>
        <c:minorUnit val="2000"/>
      </c:valAx>
      <c:spPr>
        <a:solidFill>
          <a:srgbClr val="CCFFCC"/>
        </a:solidFill>
        <a:ln w="12700">
          <a:solidFill>
            <a:srgbClr val="CCFFCC"/>
          </a:solidFill>
          <a:prstDash val="solid"/>
        </a:ln>
      </c:spPr>
    </c:plotArea>
    <c:legend>
      <c:legendPos val="t"/>
      <c:layout>
        <c:manualLayout>
          <c:xMode val="edge"/>
          <c:yMode val="edge"/>
          <c:x val="0.45407636738906088"/>
          <c:y val="9.3220338983050849E-2"/>
          <c:w val="0.16202270381836947"/>
          <c:h val="3.8983050847457623E-2"/>
        </c:manualLayout>
      </c:layout>
      <c:overlay val="0"/>
      <c:spPr>
        <a:solidFill>
          <a:srgbClr val="FFFFFF"/>
        </a:solidFill>
        <a:ln w="3175">
          <a:solidFill>
            <a:srgbClr val="000000"/>
          </a:solidFill>
          <a:prstDash val="solid"/>
        </a:ln>
      </c:spPr>
      <c:txPr>
        <a:bodyPr/>
        <a:lstStyle/>
        <a:p>
          <a:pPr>
            <a:defRPr sz="1010" b="0" i="0" u="none" strike="noStrike" baseline="0">
              <a:solidFill>
                <a:srgbClr val="000000"/>
              </a:solidFill>
              <a:latin typeface="ＭＳ Ｐゴシック"/>
              <a:ea typeface="ＭＳ Ｐゴシック"/>
              <a:cs typeface="ＭＳ Ｐゴシック"/>
            </a:defRPr>
          </a:pPr>
          <a:endParaRPr lang="ja-JP"/>
        </a:p>
      </c:txPr>
    </c:legend>
    <c:plotVisOnly val="1"/>
    <c:dispBlanksAs val="gap"/>
    <c:showDLblsOverMax val="0"/>
  </c:chart>
  <c:spPr>
    <a:noFill/>
    <a:ln w="9525">
      <a:noFill/>
    </a:ln>
  </c:spPr>
  <c:txPr>
    <a:bodyPr/>
    <a:lstStyle/>
    <a:p>
      <a:pPr>
        <a:defRPr sz="1100" b="0" i="0" u="none" strike="noStrike" baseline="0">
          <a:solidFill>
            <a:srgbClr val="000000"/>
          </a:solidFill>
          <a:latin typeface="ＭＳ Ｐゴシック"/>
          <a:ea typeface="ＭＳ Ｐゴシック"/>
          <a:cs typeface="ＭＳ Ｐゴシック"/>
        </a:defRPr>
      </a:pPr>
      <a:endParaRPr lang="ja-JP"/>
    </a:p>
  </c:txPr>
</c:chartSpace>
</file>

<file path=xl/chart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chartsheets/sheet1.xml><?xml version="1.0" encoding="utf-8"?>
<chartsheet xmlns="http://schemas.openxmlformats.org/spreadsheetml/2006/main" xmlns:r="http://schemas.openxmlformats.org/officeDocument/2006/relationships" xmlns:mc="http://schemas.openxmlformats.org/markup-compatibility/2006" xmlns:xr="http://schemas.microsoft.com/office/spreadsheetml/2014/revision" xmlns:xr3="http://schemas.microsoft.com/office/spreadsheetml/2016/revision3" mc:Ignorable="xr xr3" xr:uid="{EC9F2083-E182-452E-92CC-B94C43815BC0}">
  <sheetPr codeName="Graph98"/>
  <sheetViews>
    <sheetView tabSelected="1" workbookViewId="0"/>
  </sheetViews>
  <pageMargins left="0.75" right="0.75" top="1" bottom="1" header="0.51200000000000001" footer="0.51200000000000001"/>
  <pageSetup paperSize="9" orientation="landscape" r:id="rId1"/>
  <headerFooter alignWithMargins="0"/>
  <drawing r:id="rId2"/>
</chartsheet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chart" Target="../charts/chart1.xml"/></Relationships>
</file>

<file path=xl/drawings/drawing1.xml><?xml version="1.0" encoding="utf-8"?>
<xdr:wsDr xmlns:xdr="http://schemas.openxmlformats.org/drawingml/2006/spreadsheetDrawing" xmlns:a="http://schemas.openxmlformats.org/drawingml/2006/main">
  <xdr:absoluteAnchor>
    <xdr:pos x="0" y="0"/>
    <xdr:ext cx="9204960" cy="5608320"/>
    <xdr:graphicFrame macro="">
      <xdr:nvGraphicFramePr>
        <xdr:cNvPr id="2" name="グラフ 1">
          <a:extLst>
            <a:ext uri="{FF2B5EF4-FFF2-40B4-BE49-F238E27FC236}">
              <a16:creationId xmlns:a16="http://schemas.microsoft.com/office/drawing/2014/main" id="{1C179E13-991E-45E6-AD28-9A53DFF76B44}"/>
            </a:ext>
          </a:extLst>
        </xdr:cNvPr>
        <xdr:cNvGraphicFramePr>
          <a:graphicFrameLocks noGrp="1"/>
        </xdr:cNvGraphicFramePr>
      </xdr:nvGraphicFramePr>
      <xdr:xfrm>
        <a:off x="0" y="0"/>
        <a:ext cx="0" cy="0"/>
      </xdr:xfrm>
      <a:graphic>
        <a:graphicData uri="http://schemas.openxmlformats.org/drawingml/2006/chart">
          <c:chart xmlns:c="http://schemas.openxmlformats.org/drawingml/2006/chart" xmlns:r="http://schemas.openxmlformats.org/officeDocument/2006/relationships" r:id="rId1"/>
        </a:graphicData>
      </a:graphic>
    </xdr:graphicFrame>
    <xdr:clientData/>
  </xdr:absoluteAnchor>
</xdr:wsDr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08&#20225;&#30011;&#35519;&#25972;/s1/&#12288;&#20225;&#30011;&#35519;&#25972;&#35506;&#12501;&#12457;&#12523;&#12480;/04&#32113;&#35336;&#35519;&#26619;/04&#12288;&#30476;&#31561;&#22996;&#35351;&#32113;&#35336;/06&#12288;&#20154;&#21475;&#35519;&#26619;/&#20154;&#21475;&#12398;&#25512;&#31227;/R4/&#9675;hp%20R04&#24180;&#29256;&#20154;&#21475;&#21205;&#24907;(&#35336;&#31639;&#24335;&#20837;).xlsm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１．人口・世帯数"/>
      <sheetName val="２．ピラミッド"/>
      <sheetName val="ピラミッドのデータ"/>
      <sheetName val="３．地区別人口・世帯集計表"/>
      <sheetName val="地区別人口・世帯集計表 (集計用)"/>
      <sheetName val="３．（１）富山地域人口グラフ"/>
      <sheetName val="３．（１）大沢野～細入地域人口グラフ"/>
      <sheetName val="３．（２) 富山地域人口増減率グラフ"/>
      <sheetName val="３．（２）大沢野～細入地域人口増減率グラフ"/>
      <sheetName val="４．年齢別富山市合計"/>
      <sheetName val="０１総曲輪"/>
      <sheetName val="０２愛宕"/>
      <sheetName val="０３安野屋"/>
      <sheetName val="０４八人町"/>
      <sheetName val="０５五番町"/>
      <sheetName val="０６柳町"/>
      <sheetName val="０７清水町"/>
      <sheetName val="０８星井町"/>
      <sheetName val="０９西田地方"/>
      <sheetName val="１０堀川"/>
      <sheetName val="１１堀川南"/>
      <sheetName val="１２東部"/>
      <sheetName val="１３奥田"/>
      <sheetName val="１４奥田北"/>
      <sheetName val="１５桜谷"/>
      <sheetName val="１６五福"/>
      <sheetName val="１７神明"/>
      <sheetName val="１８岩瀬"/>
      <sheetName val="１９萩浦"/>
      <sheetName val="２０大広田"/>
      <sheetName val="２１浜黒崎"/>
      <sheetName val="２２針原"/>
      <sheetName val="２３豊田"/>
      <sheetName val="２４広田"/>
      <sheetName val="２５新庄"/>
      <sheetName val="２６藤ノ木"/>
      <sheetName val="２７山室"/>
      <sheetName val="２８山室中部"/>
      <sheetName val="２９太田"/>
      <sheetName val="３０蜷川"/>
      <sheetName val="３１新保"/>
      <sheetName val="３２熊野"/>
      <sheetName val="３３月岡"/>
      <sheetName val="３４四方"/>
      <sheetName val="３５八幡"/>
      <sheetName val="３６草島"/>
      <sheetName val="３７倉垣"/>
      <sheetName val="３８呉羽"/>
      <sheetName val="３９長岡"/>
      <sheetName val="４０寒江"/>
      <sheetName val="４１古沢"/>
      <sheetName val="４２老田"/>
      <sheetName val="４３池多"/>
      <sheetName val="４４水橋中部"/>
      <sheetName val="４５水橋西部"/>
      <sheetName val="４６水橋東部"/>
      <sheetName val="４７三郷"/>
      <sheetName val="４８上条"/>
      <sheetName val="４９光陽"/>
      <sheetName val="５０新庄北"/>
      <sheetName val="富山地域計"/>
      <sheetName val="０１０１下タ"/>
      <sheetName val="０１０２小羽"/>
      <sheetName val="０１０３船峅"/>
      <sheetName val="０１０４大沢野"/>
      <sheetName val="０１０５大久保"/>
      <sheetName val="大沢野地域計"/>
      <sheetName val="０２０１上滝"/>
      <sheetName val="０２０２大山"/>
      <sheetName val="０２０３大庄"/>
      <sheetName val="０２０４福沢"/>
      <sheetName val="大山地域計"/>
      <sheetName val="０３０１八尾"/>
      <sheetName val="０３０２保内"/>
      <sheetName val="０３０３杉原"/>
      <sheetName val="０３０４卯花"/>
      <sheetName val="０３０５室牧"/>
      <sheetName val="０３０６黒瀬谷"/>
      <sheetName val="０３０７野積"/>
      <sheetName val="０３０８仁歩"/>
      <sheetName val="０３０９大長谷"/>
      <sheetName val="八尾地域計"/>
      <sheetName val="０４０１速星"/>
      <sheetName val="０４０２鵜坂"/>
      <sheetName val="０４０３朝日"/>
      <sheetName val="０４０４宮川"/>
      <sheetName val="０４０５婦中熊野"/>
      <sheetName val="０４０６古里"/>
      <sheetName val="０４０７音川"/>
      <sheetName val="０４０８神保"/>
      <sheetName val="婦中地域計"/>
      <sheetName val="０５０１山田南部"/>
      <sheetName val="０５０２山田中部"/>
      <sheetName val="０５０３山田西部"/>
      <sheetName val="０５０４山田東部"/>
      <sheetName val="山田地域計"/>
      <sheetName val="０６０１細入北部"/>
      <sheetName val="０６０２細入南部"/>
      <sheetName val="細入地域計"/>
      <sheetName val="５．人口（富山地域）"/>
      <sheetName val="５．人口（大沢野～細入）"/>
      <sheetName val="６．世帯数（富山地域）"/>
      <sheetName val="６．世帯数（大沢野～細入）"/>
      <sheetName val="年齢３区分（富山地域）"/>
      <sheetName val="年齢３区分（大沢野～細入）"/>
      <sheetName val="年齢３区分計算"/>
      <sheetName val="３．地区別人口・世帯集計表 (1.0ver)"/>
      <sheetName val="３．地区別人口・世帯集計表 (1.5ver)"/>
      <sheetName val="３．地区別人口・世帯集計表 (2.0ver)"/>
    </sheetNames>
    <sheetDataSet>
      <sheetData sheetId="0"/>
      <sheetData sheetId="1"/>
      <sheetData sheetId="2"/>
      <sheetData sheetId="3"/>
      <sheetData sheetId="4">
        <row r="2">
          <cell r="C2" t="str">
            <v>R04人口</v>
          </cell>
          <cell r="E2" t="str">
            <v>R03人口</v>
          </cell>
        </row>
        <row r="53">
          <cell r="A53" t="str">
            <v>下タ</v>
          </cell>
          <cell r="C53">
            <v>299</v>
          </cell>
          <cell r="E53">
            <v>309</v>
          </cell>
        </row>
        <row r="54">
          <cell r="A54" t="str">
            <v>小羽</v>
          </cell>
          <cell r="C54">
            <v>248</v>
          </cell>
          <cell r="E54">
            <v>262</v>
          </cell>
        </row>
        <row r="55">
          <cell r="A55" t="str">
            <v>船峅</v>
          </cell>
          <cell r="C55">
            <v>1984</v>
          </cell>
          <cell r="E55">
            <v>2023</v>
          </cell>
        </row>
        <row r="56">
          <cell r="A56" t="str">
            <v>大沢野</v>
          </cell>
          <cell r="C56">
            <v>11102</v>
          </cell>
          <cell r="E56">
            <v>11224</v>
          </cell>
        </row>
        <row r="57">
          <cell r="A57" t="str">
            <v>大久保</v>
          </cell>
          <cell r="C57">
            <v>7720</v>
          </cell>
          <cell r="E57">
            <v>7711</v>
          </cell>
        </row>
        <row r="58">
          <cell r="A58" t="str">
            <v>上滝</v>
          </cell>
          <cell r="C58">
            <v>2570</v>
          </cell>
          <cell r="E58">
            <v>2655</v>
          </cell>
        </row>
        <row r="59">
          <cell r="A59" t="str">
            <v>大山</v>
          </cell>
          <cell r="C59">
            <v>804</v>
          </cell>
          <cell r="E59">
            <v>824</v>
          </cell>
        </row>
        <row r="60">
          <cell r="A60" t="str">
            <v>大庄</v>
          </cell>
          <cell r="C60">
            <v>4854</v>
          </cell>
          <cell r="E60">
            <v>4917</v>
          </cell>
        </row>
        <row r="61">
          <cell r="A61" t="str">
            <v>福沢</v>
          </cell>
          <cell r="C61">
            <v>820</v>
          </cell>
          <cell r="E61">
            <v>844</v>
          </cell>
        </row>
        <row r="62">
          <cell r="A62" t="str">
            <v>八尾</v>
          </cell>
          <cell r="C62">
            <v>1946</v>
          </cell>
          <cell r="E62">
            <v>2005</v>
          </cell>
        </row>
        <row r="63">
          <cell r="A63" t="str">
            <v>保内</v>
          </cell>
          <cell r="C63">
            <v>6887</v>
          </cell>
          <cell r="E63">
            <v>6949</v>
          </cell>
        </row>
        <row r="64">
          <cell r="A64" t="str">
            <v>杉原</v>
          </cell>
          <cell r="C64">
            <v>6680</v>
          </cell>
          <cell r="E64">
            <v>6822</v>
          </cell>
        </row>
        <row r="65">
          <cell r="A65" t="str">
            <v>卯花</v>
          </cell>
          <cell r="C65">
            <v>759</v>
          </cell>
          <cell r="E65">
            <v>779</v>
          </cell>
        </row>
        <row r="66">
          <cell r="A66" t="str">
            <v>室牧</v>
          </cell>
          <cell r="C66">
            <v>373</v>
          </cell>
          <cell r="E66">
            <v>388</v>
          </cell>
        </row>
        <row r="67">
          <cell r="A67" t="str">
            <v>黒瀬谷</v>
          </cell>
          <cell r="C67">
            <v>1128</v>
          </cell>
          <cell r="E67">
            <v>1163</v>
          </cell>
        </row>
        <row r="68">
          <cell r="A68" t="str">
            <v>野積</v>
          </cell>
          <cell r="C68">
            <v>659</v>
          </cell>
          <cell r="E68">
            <v>688</v>
          </cell>
        </row>
        <row r="69">
          <cell r="A69" t="str">
            <v>仁歩</v>
          </cell>
          <cell r="C69">
            <v>138</v>
          </cell>
          <cell r="E69">
            <v>146</v>
          </cell>
        </row>
        <row r="70">
          <cell r="A70" t="str">
            <v>大長谷</v>
          </cell>
          <cell r="C70">
            <v>48</v>
          </cell>
          <cell r="E70">
            <v>50</v>
          </cell>
        </row>
        <row r="71">
          <cell r="A71" t="str">
            <v>速星</v>
          </cell>
          <cell r="C71">
            <v>11982</v>
          </cell>
          <cell r="E71">
            <v>12006</v>
          </cell>
        </row>
        <row r="72">
          <cell r="A72" t="str">
            <v>鵜坂</v>
          </cell>
          <cell r="C72">
            <v>11872</v>
          </cell>
          <cell r="E72">
            <v>11911</v>
          </cell>
        </row>
        <row r="73">
          <cell r="A73" t="str">
            <v>朝日</v>
          </cell>
          <cell r="C73">
            <v>1415</v>
          </cell>
          <cell r="E73">
            <v>1420</v>
          </cell>
        </row>
        <row r="74">
          <cell r="A74" t="str">
            <v>宮川</v>
          </cell>
          <cell r="C74">
            <v>2243</v>
          </cell>
          <cell r="E74">
            <v>2249</v>
          </cell>
        </row>
        <row r="75">
          <cell r="A75" t="str">
            <v>婦中熊野</v>
          </cell>
          <cell r="C75">
            <v>3657</v>
          </cell>
          <cell r="E75">
            <v>3623</v>
          </cell>
        </row>
        <row r="76">
          <cell r="A76" t="str">
            <v>古里</v>
          </cell>
          <cell r="C76">
            <v>3802</v>
          </cell>
          <cell r="E76">
            <v>3831</v>
          </cell>
        </row>
        <row r="77">
          <cell r="A77" t="str">
            <v>音川</v>
          </cell>
          <cell r="C77">
            <v>1279</v>
          </cell>
          <cell r="E77">
            <v>1316</v>
          </cell>
        </row>
        <row r="78">
          <cell r="A78" t="str">
            <v>神保</v>
          </cell>
          <cell r="C78">
            <v>4881</v>
          </cell>
          <cell r="E78">
            <v>4840</v>
          </cell>
        </row>
        <row r="79">
          <cell r="A79" t="str">
            <v>山田南部</v>
          </cell>
          <cell r="C79">
            <v>10</v>
          </cell>
          <cell r="E79">
            <v>11</v>
          </cell>
        </row>
        <row r="80">
          <cell r="A80" t="str">
            <v>山田中部</v>
          </cell>
          <cell r="C80">
            <v>853</v>
          </cell>
          <cell r="E80">
            <v>894</v>
          </cell>
        </row>
        <row r="81">
          <cell r="A81" t="str">
            <v>山田西部</v>
          </cell>
          <cell r="C81">
            <v>160</v>
          </cell>
          <cell r="E81">
            <v>165</v>
          </cell>
        </row>
        <row r="82">
          <cell r="A82" t="str">
            <v>山田東部</v>
          </cell>
          <cell r="C82">
            <v>267</v>
          </cell>
          <cell r="E82">
            <v>276</v>
          </cell>
        </row>
        <row r="83">
          <cell r="A83" t="str">
            <v>細入北部</v>
          </cell>
          <cell r="C83">
            <v>924</v>
          </cell>
          <cell r="E83">
            <v>948</v>
          </cell>
        </row>
        <row r="84">
          <cell r="A84" t="str">
            <v>細入南部</v>
          </cell>
          <cell r="C84">
            <v>257</v>
          </cell>
          <cell r="E84">
            <v>266</v>
          </cell>
        </row>
      </sheetData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  <sheetData sheetId="29"/>
      <sheetData sheetId="30"/>
      <sheetData sheetId="31"/>
      <sheetData sheetId="32"/>
      <sheetData sheetId="33"/>
      <sheetData sheetId="34"/>
      <sheetData sheetId="35"/>
      <sheetData sheetId="36"/>
      <sheetData sheetId="37"/>
      <sheetData sheetId="38"/>
      <sheetData sheetId="39"/>
      <sheetData sheetId="40"/>
      <sheetData sheetId="41"/>
      <sheetData sheetId="42"/>
      <sheetData sheetId="43"/>
      <sheetData sheetId="44"/>
      <sheetData sheetId="45"/>
      <sheetData sheetId="46"/>
      <sheetData sheetId="47"/>
      <sheetData sheetId="48"/>
      <sheetData sheetId="49"/>
      <sheetData sheetId="50"/>
      <sheetData sheetId="51"/>
      <sheetData sheetId="52"/>
      <sheetData sheetId="53"/>
      <sheetData sheetId="54"/>
      <sheetData sheetId="55"/>
      <sheetData sheetId="56"/>
      <sheetData sheetId="57"/>
      <sheetData sheetId="58"/>
      <sheetData sheetId="59"/>
      <sheetData sheetId="60"/>
      <sheetData sheetId="61"/>
      <sheetData sheetId="62"/>
      <sheetData sheetId="63"/>
      <sheetData sheetId="64"/>
      <sheetData sheetId="65"/>
      <sheetData sheetId="66"/>
      <sheetData sheetId="67"/>
      <sheetData sheetId="68"/>
      <sheetData sheetId="69"/>
      <sheetData sheetId="70"/>
      <sheetData sheetId="71"/>
      <sheetData sheetId="72"/>
      <sheetData sheetId="73"/>
      <sheetData sheetId="74"/>
      <sheetData sheetId="75"/>
      <sheetData sheetId="76"/>
      <sheetData sheetId="77"/>
      <sheetData sheetId="78"/>
      <sheetData sheetId="79"/>
      <sheetData sheetId="80"/>
      <sheetData sheetId="81"/>
      <sheetData sheetId="82"/>
      <sheetData sheetId="83"/>
      <sheetData sheetId="84"/>
      <sheetData sheetId="85"/>
      <sheetData sheetId="86"/>
      <sheetData sheetId="87"/>
      <sheetData sheetId="88"/>
      <sheetData sheetId="89"/>
      <sheetData sheetId="90"/>
      <sheetData sheetId="91"/>
      <sheetData sheetId="92"/>
      <sheetData sheetId="93"/>
      <sheetData sheetId="94"/>
      <sheetData sheetId="95"/>
      <sheetData sheetId="96"/>
      <sheetData sheetId="97"/>
      <sheetData sheetId="98"/>
      <sheetData sheetId="99"/>
      <sheetData sheetId="100"/>
      <sheetData sheetId="101"/>
      <sheetData sheetId="102"/>
      <sheetData sheetId="103"/>
      <sheetData sheetId="104"/>
      <sheetData sheetId="105"/>
      <sheetData sheetId="106"/>
      <sheetData sheetId="107"/>
      <sheetData sheetId="108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グラフ</vt:lpstr>
      </vt:variant>
      <vt:variant>
        <vt:i4>1</vt:i4>
      </vt:variant>
    </vt:vector>
  </HeadingPairs>
  <TitlesOfParts>
    <vt:vector size="1" baseType="lpstr">
      <vt:lpstr>３．（１）大沢野～細入地域人口グラフ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役所</dc:creator>
  <cp:lastModifiedBy>富山市役所</cp:lastModifiedBy>
  <dcterms:created xsi:type="dcterms:W3CDTF">2022-10-27T06:59:29Z</dcterms:created>
  <dcterms:modified xsi:type="dcterms:W3CDTF">2022-10-27T06:59:40Z</dcterms:modified>
</cp:coreProperties>
</file>